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2.1）\"/>
    </mc:Choice>
  </mc:AlternateContent>
  <xr:revisionPtr revIDLastSave="0" documentId="13_ncr:1_{76FE4031-8AC7-42A0-A1A0-9F86464D5BF0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7年11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33</v>
      </c>
      <c r="C7" s="16">
        <v>14</v>
      </c>
      <c r="D7" s="17">
        <v>5</v>
      </c>
      <c r="E7" s="10">
        <v>1152</v>
      </c>
      <c r="F7" s="8">
        <v>1188</v>
      </c>
      <c r="G7" s="9">
        <v>1204</v>
      </c>
      <c r="H7" s="10">
        <v>2392</v>
      </c>
      <c r="I7" s="8">
        <v>11</v>
      </c>
      <c r="J7" s="9">
        <v>9</v>
      </c>
      <c r="K7" s="10">
        <v>20</v>
      </c>
      <c r="L7" s="8">
        <v>1199</v>
      </c>
      <c r="M7" s="9">
        <v>1213</v>
      </c>
      <c r="N7" s="10">
        <v>2412</v>
      </c>
    </row>
    <row r="8" spans="1:14" ht="18" customHeight="1" x14ac:dyDescent="0.4">
      <c r="A8" s="2" t="s">
        <v>1</v>
      </c>
      <c r="B8" s="15">
        <v>490</v>
      </c>
      <c r="C8" s="16">
        <v>6</v>
      </c>
      <c r="D8" s="17">
        <v>7</v>
      </c>
      <c r="E8" s="10">
        <v>503</v>
      </c>
      <c r="F8" s="8">
        <v>414</v>
      </c>
      <c r="G8" s="9">
        <v>389</v>
      </c>
      <c r="H8" s="10">
        <v>803</v>
      </c>
      <c r="I8" s="8">
        <v>10</v>
      </c>
      <c r="J8" s="9">
        <v>3</v>
      </c>
      <c r="K8" s="10">
        <v>13</v>
      </c>
      <c r="L8" s="8">
        <v>424</v>
      </c>
      <c r="M8" s="9">
        <v>392</v>
      </c>
      <c r="N8" s="10">
        <v>816</v>
      </c>
    </row>
    <row r="9" spans="1:14" ht="18" customHeight="1" x14ac:dyDescent="0.4">
      <c r="A9" s="2" t="s">
        <v>2</v>
      </c>
      <c r="B9" s="15">
        <v>2291</v>
      </c>
      <c r="C9" s="16">
        <v>31</v>
      </c>
      <c r="D9" s="17">
        <v>9</v>
      </c>
      <c r="E9" s="10">
        <v>2331</v>
      </c>
      <c r="F9" s="8">
        <v>2081</v>
      </c>
      <c r="G9" s="9">
        <v>2086</v>
      </c>
      <c r="H9" s="10">
        <v>4167</v>
      </c>
      <c r="I9" s="8">
        <v>30</v>
      </c>
      <c r="J9" s="9">
        <v>27</v>
      </c>
      <c r="K9" s="10">
        <v>57</v>
      </c>
      <c r="L9" s="8">
        <v>2111</v>
      </c>
      <c r="M9" s="9">
        <v>2113</v>
      </c>
      <c r="N9" s="10">
        <v>4224</v>
      </c>
    </row>
    <row r="10" spans="1:14" ht="18" customHeight="1" x14ac:dyDescent="0.4">
      <c r="A10" s="2" t="s">
        <v>3</v>
      </c>
      <c r="B10" s="15">
        <v>2312</v>
      </c>
      <c r="C10" s="16">
        <v>22</v>
      </c>
      <c r="D10" s="17">
        <v>19</v>
      </c>
      <c r="E10" s="10">
        <v>2353</v>
      </c>
      <c r="F10" s="8">
        <v>2106</v>
      </c>
      <c r="G10" s="9">
        <v>2343</v>
      </c>
      <c r="H10" s="10">
        <v>4449</v>
      </c>
      <c r="I10" s="8">
        <v>22</v>
      </c>
      <c r="J10" s="9">
        <v>28</v>
      </c>
      <c r="K10" s="10">
        <v>50</v>
      </c>
      <c r="L10" s="8">
        <v>2128</v>
      </c>
      <c r="M10" s="9">
        <v>2371</v>
      </c>
      <c r="N10" s="10">
        <v>4499</v>
      </c>
    </row>
    <row r="11" spans="1:14" ht="18" customHeight="1" x14ac:dyDescent="0.4">
      <c r="A11" s="2" t="s">
        <v>4</v>
      </c>
      <c r="B11" s="15">
        <v>1055</v>
      </c>
      <c r="C11" s="16">
        <v>12</v>
      </c>
      <c r="D11" s="17">
        <v>3</v>
      </c>
      <c r="E11" s="10">
        <v>1070</v>
      </c>
      <c r="F11" s="8">
        <v>913</v>
      </c>
      <c r="G11" s="9">
        <v>1040</v>
      </c>
      <c r="H11" s="10">
        <v>1953</v>
      </c>
      <c r="I11" s="8">
        <v>15</v>
      </c>
      <c r="J11" s="9">
        <v>12</v>
      </c>
      <c r="K11" s="10">
        <v>27</v>
      </c>
      <c r="L11" s="8">
        <v>928</v>
      </c>
      <c r="M11" s="9">
        <v>1052</v>
      </c>
      <c r="N11" s="10">
        <v>1980</v>
      </c>
    </row>
    <row r="12" spans="1:14" ht="18" customHeight="1" x14ac:dyDescent="0.4">
      <c r="A12" s="2" t="s">
        <v>5</v>
      </c>
      <c r="B12" s="15">
        <v>732</v>
      </c>
      <c r="C12" s="16">
        <v>5</v>
      </c>
      <c r="D12" s="17">
        <v>4</v>
      </c>
      <c r="E12" s="10">
        <v>741</v>
      </c>
      <c r="F12" s="8">
        <v>673</v>
      </c>
      <c r="G12" s="9">
        <v>685</v>
      </c>
      <c r="H12" s="10">
        <v>1358</v>
      </c>
      <c r="I12" s="8">
        <v>7</v>
      </c>
      <c r="J12" s="9">
        <v>7</v>
      </c>
      <c r="K12" s="10">
        <v>14</v>
      </c>
      <c r="L12" s="8">
        <v>680</v>
      </c>
      <c r="M12" s="9">
        <v>692</v>
      </c>
      <c r="N12" s="10">
        <v>1372</v>
      </c>
    </row>
    <row r="13" spans="1:14" ht="18" customHeight="1" x14ac:dyDescent="0.4">
      <c r="A13" s="2" t="s">
        <v>6</v>
      </c>
      <c r="B13" s="15">
        <v>653</v>
      </c>
      <c r="C13" s="16">
        <v>3</v>
      </c>
      <c r="D13" s="17">
        <v>5</v>
      </c>
      <c r="E13" s="10">
        <v>661</v>
      </c>
      <c r="F13" s="8">
        <v>642</v>
      </c>
      <c r="G13" s="9">
        <v>612</v>
      </c>
      <c r="H13" s="10">
        <v>1254</v>
      </c>
      <c r="I13" s="8">
        <v>6</v>
      </c>
      <c r="J13" s="9">
        <v>6</v>
      </c>
      <c r="K13" s="10">
        <v>12</v>
      </c>
      <c r="L13" s="8">
        <v>648</v>
      </c>
      <c r="M13" s="9">
        <v>618</v>
      </c>
      <c r="N13" s="10">
        <v>1266</v>
      </c>
    </row>
    <row r="14" spans="1:14" ht="18" customHeight="1" x14ac:dyDescent="0.4">
      <c r="A14" s="2" t="s">
        <v>7</v>
      </c>
      <c r="B14" s="15">
        <v>355</v>
      </c>
      <c r="C14" s="16">
        <v>16</v>
      </c>
      <c r="D14" s="17">
        <v>2</v>
      </c>
      <c r="E14" s="10">
        <v>373</v>
      </c>
      <c r="F14" s="8">
        <v>327</v>
      </c>
      <c r="G14" s="9">
        <v>399</v>
      </c>
      <c r="H14" s="10">
        <v>726</v>
      </c>
      <c r="I14" s="8">
        <v>16</v>
      </c>
      <c r="J14" s="9">
        <v>4</v>
      </c>
      <c r="K14" s="10">
        <v>20</v>
      </c>
      <c r="L14" s="8">
        <v>343</v>
      </c>
      <c r="M14" s="9">
        <v>403</v>
      </c>
      <c r="N14" s="10">
        <v>746</v>
      </c>
    </row>
    <row r="15" spans="1:14" ht="18" customHeight="1" x14ac:dyDescent="0.4">
      <c r="A15" s="2" t="s">
        <v>8</v>
      </c>
      <c r="B15" s="15">
        <v>1448</v>
      </c>
      <c r="C15" s="16">
        <v>59</v>
      </c>
      <c r="D15" s="17">
        <v>13</v>
      </c>
      <c r="E15" s="10">
        <v>1520</v>
      </c>
      <c r="F15" s="8">
        <v>1134</v>
      </c>
      <c r="G15" s="9">
        <v>1121</v>
      </c>
      <c r="H15" s="10">
        <v>2255</v>
      </c>
      <c r="I15" s="8">
        <v>55</v>
      </c>
      <c r="J15" s="9">
        <v>32</v>
      </c>
      <c r="K15" s="10">
        <v>87</v>
      </c>
      <c r="L15" s="8">
        <v>1189</v>
      </c>
      <c r="M15" s="9">
        <v>1153</v>
      </c>
      <c r="N15" s="10">
        <v>2342</v>
      </c>
    </row>
    <row r="16" spans="1:14" ht="18" customHeight="1" x14ac:dyDescent="0.4">
      <c r="A16" s="2" t="s">
        <v>9</v>
      </c>
      <c r="B16" s="15">
        <v>3287</v>
      </c>
      <c r="C16" s="16">
        <v>76</v>
      </c>
      <c r="D16" s="17">
        <v>39</v>
      </c>
      <c r="E16" s="10">
        <v>3402</v>
      </c>
      <c r="F16" s="8">
        <v>2960</v>
      </c>
      <c r="G16" s="9">
        <v>3355</v>
      </c>
      <c r="H16" s="10">
        <v>6315</v>
      </c>
      <c r="I16" s="8">
        <v>88</v>
      </c>
      <c r="J16" s="9">
        <v>76</v>
      </c>
      <c r="K16" s="10">
        <v>164</v>
      </c>
      <c r="L16" s="8">
        <v>3048</v>
      </c>
      <c r="M16" s="9">
        <v>3431</v>
      </c>
      <c r="N16" s="10">
        <v>6479</v>
      </c>
    </row>
    <row r="17" spans="1:14" ht="18" customHeight="1" x14ac:dyDescent="0.4">
      <c r="A17" s="2" t="s">
        <v>10</v>
      </c>
      <c r="B17" s="15">
        <v>1942</v>
      </c>
      <c r="C17" s="16">
        <v>58</v>
      </c>
      <c r="D17" s="17">
        <v>14</v>
      </c>
      <c r="E17" s="10">
        <v>2014</v>
      </c>
      <c r="F17" s="8">
        <v>1745</v>
      </c>
      <c r="G17" s="9">
        <v>1833</v>
      </c>
      <c r="H17" s="10">
        <v>3578</v>
      </c>
      <c r="I17" s="8">
        <v>49</v>
      </c>
      <c r="J17" s="9">
        <v>35</v>
      </c>
      <c r="K17" s="10">
        <v>84</v>
      </c>
      <c r="L17" s="8">
        <v>1794</v>
      </c>
      <c r="M17" s="9">
        <v>1868</v>
      </c>
      <c r="N17" s="10">
        <v>3662</v>
      </c>
    </row>
    <row r="18" spans="1:14" ht="18" customHeight="1" x14ac:dyDescent="0.4">
      <c r="A18" s="2" t="s">
        <v>11</v>
      </c>
      <c r="B18" s="15">
        <v>613</v>
      </c>
      <c r="C18" s="16">
        <v>4</v>
      </c>
      <c r="D18" s="17">
        <v>1</v>
      </c>
      <c r="E18" s="10">
        <v>618</v>
      </c>
      <c r="F18" s="8">
        <v>571</v>
      </c>
      <c r="G18" s="9">
        <v>532</v>
      </c>
      <c r="H18" s="10">
        <v>1103</v>
      </c>
      <c r="I18" s="8">
        <v>5</v>
      </c>
      <c r="J18" s="9">
        <v>0</v>
      </c>
      <c r="K18" s="10">
        <v>5</v>
      </c>
      <c r="L18" s="8">
        <v>576</v>
      </c>
      <c r="M18" s="9">
        <v>532</v>
      </c>
      <c r="N18" s="10">
        <v>1108</v>
      </c>
    </row>
    <row r="19" spans="1:14" ht="18" customHeight="1" x14ac:dyDescent="0.4">
      <c r="A19" s="2" t="s">
        <v>12</v>
      </c>
      <c r="B19" s="15">
        <v>2242</v>
      </c>
      <c r="C19" s="16">
        <v>30</v>
      </c>
      <c r="D19" s="17">
        <v>29</v>
      </c>
      <c r="E19" s="10">
        <v>2301</v>
      </c>
      <c r="F19" s="8">
        <v>2069</v>
      </c>
      <c r="G19" s="9">
        <v>2258</v>
      </c>
      <c r="H19" s="10">
        <v>4327</v>
      </c>
      <c r="I19" s="8">
        <v>41</v>
      </c>
      <c r="J19" s="9">
        <v>24</v>
      </c>
      <c r="K19" s="10">
        <v>65</v>
      </c>
      <c r="L19" s="8">
        <v>2110</v>
      </c>
      <c r="M19" s="9">
        <v>2282</v>
      </c>
      <c r="N19" s="10">
        <v>4392</v>
      </c>
    </row>
    <row r="20" spans="1:14" ht="18" customHeight="1" x14ac:dyDescent="0.4">
      <c r="A20" s="2" t="s">
        <v>13</v>
      </c>
      <c r="B20" s="15">
        <v>1674</v>
      </c>
      <c r="C20" s="16">
        <v>18</v>
      </c>
      <c r="D20" s="17">
        <v>15</v>
      </c>
      <c r="E20" s="10">
        <v>1707</v>
      </c>
      <c r="F20" s="8">
        <v>1866</v>
      </c>
      <c r="G20" s="9">
        <v>1966</v>
      </c>
      <c r="H20" s="10">
        <v>3832</v>
      </c>
      <c r="I20" s="8">
        <v>23</v>
      </c>
      <c r="J20" s="9">
        <v>21</v>
      </c>
      <c r="K20" s="10">
        <v>44</v>
      </c>
      <c r="L20" s="8">
        <v>1889</v>
      </c>
      <c r="M20" s="9">
        <v>1987</v>
      </c>
      <c r="N20" s="10">
        <v>3876</v>
      </c>
    </row>
    <row r="21" spans="1:14" ht="18" customHeight="1" x14ac:dyDescent="0.4">
      <c r="A21" s="2" t="s">
        <v>14</v>
      </c>
      <c r="B21" s="15">
        <v>1158</v>
      </c>
      <c r="C21" s="16">
        <v>39</v>
      </c>
      <c r="D21" s="17">
        <v>14</v>
      </c>
      <c r="E21" s="10">
        <v>1211</v>
      </c>
      <c r="F21" s="8">
        <v>1041</v>
      </c>
      <c r="G21" s="9">
        <v>1170</v>
      </c>
      <c r="H21" s="10">
        <v>2211</v>
      </c>
      <c r="I21" s="8">
        <v>40</v>
      </c>
      <c r="J21" s="9">
        <v>29</v>
      </c>
      <c r="K21" s="10">
        <v>69</v>
      </c>
      <c r="L21" s="8">
        <v>1081</v>
      </c>
      <c r="M21" s="9">
        <v>1199</v>
      </c>
      <c r="N21" s="10">
        <v>2280</v>
      </c>
    </row>
    <row r="22" spans="1:14" ht="18" customHeight="1" x14ac:dyDescent="0.4">
      <c r="A22" s="2" t="s">
        <v>15</v>
      </c>
      <c r="B22" s="15">
        <v>1031</v>
      </c>
      <c r="C22" s="16">
        <v>22</v>
      </c>
      <c r="D22" s="17">
        <v>12</v>
      </c>
      <c r="E22" s="10">
        <v>1065</v>
      </c>
      <c r="F22" s="8">
        <v>972</v>
      </c>
      <c r="G22" s="9">
        <v>1022</v>
      </c>
      <c r="H22" s="10">
        <v>1994</v>
      </c>
      <c r="I22" s="8">
        <v>31</v>
      </c>
      <c r="J22" s="9">
        <v>16</v>
      </c>
      <c r="K22" s="10">
        <v>47</v>
      </c>
      <c r="L22" s="8">
        <v>1003</v>
      </c>
      <c r="M22" s="9">
        <v>1038</v>
      </c>
      <c r="N22" s="10">
        <v>2041</v>
      </c>
    </row>
    <row r="23" spans="1:14" ht="18" customHeight="1" x14ac:dyDescent="0.4">
      <c r="A23" s="2" t="s">
        <v>16</v>
      </c>
      <c r="B23" s="15">
        <v>2172</v>
      </c>
      <c r="C23" s="16">
        <v>34</v>
      </c>
      <c r="D23" s="17">
        <v>22</v>
      </c>
      <c r="E23" s="10">
        <v>2228</v>
      </c>
      <c r="F23" s="8">
        <v>2343</v>
      </c>
      <c r="G23" s="9">
        <v>2565</v>
      </c>
      <c r="H23" s="10">
        <v>4908</v>
      </c>
      <c r="I23" s="8">
        <v>43</v>
      </c>
      <c r="J23" s="9">
        <v>30</v>
      </c>
      <c r="K23" s="10">
        <v>73</v>
      </c>
      <c r="L23" s="8">
        <v>2386</v>
      </c>
      <c r="M23" s="9">
        <v>2595</v>
      </c>
      <c r="N23" s="10">
        <v>4981</v>
      </c>
    </row>
    <row r="24" spans="1:14" ht="18" customHeight="1" x14ac:dyDescent="0.4">
      <c r="A24" s="2" t="s">
        <v>17</v>
      </c>
      <c r="B24" s="15">
        <v>5305</v>
      </c>
      <c r="C24" s="16">
        <v>81</v>
      </c>
      <c r="D24" s="17">
        <v>45</v>
      </c>
      <c r="E24" s="10">
        <v>5431</v>
      </c>
      <c r="F24" s="8">
        <v>5834</v>
      </c>
      <c r="G24" s="9">
        <v>6469</v>
      </c>
      <c r="H24" s="10">
        <v>12303</v>
      </c>
      <c r="I24" s="8">
        <v>86</v>
      </c>
      <c r="J24" s="9">
        <v>65</v>
      </c>
      <c r="K24" s="10">
        <v>151</v>
      </c>
      <c r="L24" s="8">
        <v>5920</v>
      </c>
      <c r="M24" s="9">
        <v>6534</v>
      </c>
      <c r="N24" s="10">
        <v>12454</v>
      </c>
    </row>
    <row r="25" spans="1:14" ht="18" customHeight="1" x14ac:dyDescent="0.4">
      <c r="A25" s="2" t="s">
        <v>18</v>
      </c>
      <c r="B25" s="15">
        <v>2713</v>
      </c>
      <c r="C25" s="16">
        <v>20</v>
      </c>
      <c r="D25" s="17">
        <v>17</v>
      </c>
      <c r="E25" s="10">
        <v>2750</v>
      </c>
      <c r="F25" s="8">
        <v>3055</v>
      </c>
      <c r="G25" s="9">
        <v>3265</v>
      </c>
      <c r="H25" s="10">
        <v>6320</v>
      </c>
      <c r="I25" s="8">
        <v>24</v>
      </c>
      <c r="J25" s="9">
        <v>26</v>
      </c>
      <c r="K25" s="10">
        <v>50</v>
      </c>
      <c r="L25" s="8">
        <v>3079</v>
      </c>
      <c r="M25" s="9">
        <v>3291</v>
      </c>
      <c r="N25" s="10">
        <v>6370</v>
      </c>
    </row>
    <row r="26" spans="1:14" ht="18" customHeight="1" x14ac:dyDescent="0.4">
      <c r="A26" s="2" t="s">
        <v>19</v>
      </c>
      <c r="B26" s="15">
        <v>278</v>
      </c>
      <c r="C26" s="16">
        <v>3</v>
      </c>
      <c r="D26" s="17">
        <v>0</v>
      </c>
      <c r="E26" s="10">
        <v>281</v>
      </c>
      <c r="F26" s="8">
        <v>213</v>
      </c>
      <c r="G26" s="9">
        <v>205</v>
      </c>
      <c r="H26" s="10">
        <v>418</v>
      </c>
      <c r="I26" s="15">
        <v>3</v>
      </c>
      <c r="J26" s="16">
        <v>0</v>
      </c>
      <c r="K26" s="10">
        <v>3</v>
      </c>
      <c r="L26" s="8">
        <v>216</v>
      </c>
      <c r="M26" s="9">
        <v>205</v>
      </c>
      <c r="N26" s="10">
        <v>421</v>
      </c>
    </row>
    <row r="27" spans="1:14" ht="18" customHeight="1" x14ac:dyDescent="0.4">
      <c r="A27" s="2" t="s">
        <v>20</v>
      </c>
      <c r="B27" s="15">
        <v>1981</v>
      </c>
      <c r="C27" s="16">
        <v>26</v>
      </c>
      <c r="D27" s="17">
        <v>14</v>
      </c>
      <c r="E27" s="10">
        <v>2021</v>
      </c>
      <c r="F27" s="8">
        <v>2064</v>
      </c>
      <c r="G27" s="9">
        <v>2082</v>
      </c>
      <c r="H27" s="10">
        <v>4146</v>
      </c>
      <c r="I27" s="8">
        <v>22</v>
      </c>
      <c r="J27" s="9">
        <v>25</v>
      </c>
      <c r="K27" s="10">
        <v>47</v>
      </c>
      <c r="L27" s="8">
        <v>2086</v>
      </c>
      <c r="M27" s="9">
        <v>2107</v>
      </c>
      <c r="N27" s="10">
        <v>4193</v>
      </c>
    </row>
    <row r="28" spans="1:14" ht="18" customHeight="1" x14ac:dyDescent="0.4">
      <c r="A28" s="2" t="s">
        <v>21</v>
      </c>
      <c r="B28" s="15">
        <v>900</v>
      </c>
      <c r="C28" s="16">
        <v>20</v>
      </c>
      <c r="D28" s="17">
        <v>6</v>
      </c>
      <c r="E28" s="10">
        <v>926</v>
      </c>
      <c r="F28" s="8">
        <v>1039</v>
      </c>
      <c r="G28" s="9">
        <v>1034</v>
      </c>
      <c r="H28" s="10">
        <v>2073</v>
      </c>
      <c r="I28" s="8">
        <v>24</v>
      </c>
      <c r="J28" s="9">
        <v>10</v>
      </c>
      <c r="K28" s="10">
        <v>34</v>
      </c>
      <c r="L28" s="8">
        <v>1063</v>
      </c>
      <c r="M28" s="9">
        <v>1044</v>
      </c>
      <c r="N28" s="10">
        <v>2107</v>
      </c>
    </row>
    <row r="29" spans="1:14" ht="18" customHeight="1" x14ac:dyDescent="0.4">
      <c r="A29" s="2" t="s">
        <v>22</v>
      </c>
      <c r="B29" s="15">
        <v>2633</v>
      </c>
      <c r="C29" s="16">
        <v>50</v>
      </c>
      <c r="D29" s="17">
        <v>23</v>
      </c>
      <c r="E29" s="10">
        <v>2706</v>
      </c>
      <c r="F29" s="8">
        <v>2558</v>
      </c>
      <c r="G29" s="9">
        <v>2647</v>
      </c>
      <c r="H29" s="10">
        <v>5205</v>
      </c>
      <c r="I29" s="8">
        <v>60</v>
      </c>
      <c r="J29" s="9">
        <v>45</v>
      </c>
      <c r="K29" s="10">
        <v>105</v>
      </c>
      <c r="L29" s="8">
        <v>2618</v>
      </c>
      <c r="M29" s="9">
        <v>2692</v>
      </c>
      <c r="N29" s="10">
        <v>5310</v>
      </c>
    </row>
    <row r="30" spans="1:14" ht="18" customHeight="1" x14ac:dyDescent="0.4">
      <c r="A30" s="2" t="s">
        <v>23</v>
      </c>
      <c r="B30" s="15">
        <v>2613</v>
      </c>
      <c r="C30" s="16">
        <v>119</v>
      </c>
      <c r="D30" s="17">
        <v>16</v>
      </c>
      <c r="E30" s="10">
        <v>2748</v>
      </c>
      <c r="F30" s="8">
        <v>2817</v>
      </c>
      <c r="G30" s="9">
        <v>3008</v>
      </c>
      <c r="H30" s="10">
        <v>5825</v>
      </c>
      <c r="I30" s="8">
        <v>101</v>
      </c>
      <c r="J30" s="9">
        <v>38</v>
      </c>
      <c r="K30" s="10">
        <v>139</v>
      </c>
      <c r="L30" s="8">
        <v>2918</v>
      </c>
      <c r="M30" s="9">
        <v>3046</v>
      </c>
      <c r="N30" s="10">
        <v>5964</v>
      </c>
    </row>
    <row r="31" spans="1:14" ht="18" customHeight="1" x14ac:dyDescent="0.4">
      <c r="A31" s="2" t="s">
        <v>24</v>
      </c>
      <c r="B31" s="15">
        <v>1302</v>
      </c>
      <c r="C31" s="16">
        <v>20</v>
      </c>
      <c r="D31" s="17">
        <v>15</v>
      </c>
      <c r="E31" s="10">
        <v>1337</v>
      </c>
      <c r="F31" s="8">
        <v>1288</v>
      </c>
      <c r="G31" s="9">
        <v>1387</v>
      </c>
      <c r="H31" s="10">
        <v>2675</v>
      </c>
      <c r="I31" s="8">
        <v>29</v>
      </c>
      <c r="J31" s="9">
        <v>16</v>
      </c>
      <c r="K31" s="10">
        <v>45</v>
      </c>
      <c r="L31" s="8">
        <v>1317</v>
      </c>
      <c r="M31" s="9">
        <v>1403</v>
      </c>
      <c r="N31" s="10">
        <v>2720</v>
      </c>
    </row>
    <row r="32" spans="1:14" ht="18" customHeight="1" x14ac:dyDescent="0.4">
      <c r="A32" s="2" t="s">
        <v>25</v>
      </c>
      <c r="B32" s="15">
        <v>2781</v>
      </c>
      <c r="C32" s="16">
        <v>57</v>
      </c>
      <c r="D32" s="17">
        <v>28</v>
      </c>
      <c r="E32" s="10">
        <v>2866</v>
      </c>
      <c r="F32" s="8">
        <v>3166</v>
      </c>
      <c r="G32" s="9">
        <v>3225</v>
      </c>
      <c r="H32" s="10">
        <v>6391</v>
      </c>
      <c r="I32" s="8">
        <v>72</v>
      </c>
      <c r="J32" s="9">
        <v>34</v>
      </c>
      <c r="K32" s="10">
        <v>106</v>
      </c>
      <c r="L32" s="8">
        <v>3238</v>
      </c>
      <c r="M32" s="9">
        <v>3259</v>
      </c>
      <c r="N32" s="10">
        <v>6497</v>
      </c>
    </row>
    <row r="33" spans="1:14" ht="18" customHeight="1" x14ac:dyDescent="0.4">
      <c r="A33" s="2" t="s">
        <v>26</v>
      </c>
      <c r="B33" s="15">
        <v>3836</v>
      </c>
      <c r="C33" s="16">
        <v>82</v>
      </c>
      <c r="D33" s="17">
        <v>48</v>
      </c>
      <c r="E33" s="10">
        <v>3966</v>
      </c>
      <c r="F33" s="8">
        <v>4003</v>
      </c>
      <c r="G33" s="9">
        <v>4480</v>
      </c>
      <c r="H33" s="10">
        <v>8483</v>
      </c>
      <c r="I33" s="8">
        <v>116</v>
      </c>
      <c r="J33" s="9">
        <v>60</v>
      </c>
      <c r="K33" s="10">
        <v>176</v>
      </c>
      <c r="L33" s="8">
        <v>4119</v>
      </c>
      <c r="M33" s="9">
        <v>4540</v>
      </c>
      <c r="N33" s="10">
        <v>8659</v>
      </c>
    </row>
    <row r="34" spans="1:14" ht="18" customHeight="1" x14ac:dyDescent="0.4">
      <c r="A34" s="2" t="s">
        <v>27</v>
      </c>
      <c r="B34" s="15">
        <v>2199</v>
      </c>
      <c r="C34" s="16">
        <v>33</v>
      </c>
      <c r="D34" s="17">
        <v>16</v>
      </c>
      <c r="E34" s="10">
        <v>2248</v>
      </c>
      <c r="F34" s="8">
        <v>2283</v>
      </c>
      <c r="G34" s="9">
        <v>2286</v>
      </c>
      <c r="H34" s="10">
        <v>4569</v>
      </c>
      <c r="I34" s="8">
        <v>31</v>
      </c>
      <c r="J34" s="9">
        <v>29</v>
      </c>
      <c r="K34" s="10">
        <v>60</v>
      </c>
      <c r="L34" s="8">
        <v>2314</v>
      </c>
      <c r="M34" s="9">
        <v>2315</v>
      </c>
      <c r="N34" s="10">
        <v>4629</v>
      </c>
    </row>
    <row r="35" spans="1:14" ht="18" customHeight="1" x14ac:dyDescent="0.4">
      <c r="A35" s="2" t="s">
        <v>28</v>
      </c>
      <c r="B35" s="15">
        <v>451</v>
      </c>
      <c r="C35" s="16">
        <v>1</v>
      </c>
      <c r="D35" s="17">
        <v>5</v>
      </c>
      <c r="E35" s="10">
        <v>457</v>
      </c>
      <c r="F35" s="8">
        <v>540</v>
      </c>
      <c r="G35" s="9">
        <v>574</v>
      </c>
      <c r="H35" s="10">
        <v>1114</v>
      </c>
      <c r="I35" s="8">
        <v>4</v>
      </c>
      <c r="J35" s="9">
        <v>2</v>
      </c>
      <c r="K35" s="10">
        <v>6</v>
      </c>
      <c r="L35" s="8">
        <v>544</v>
      </c>
      <c r="M35" s="9">
        <v>576</v>
      </c>
      <c r="N35" s="10">
        <v>1120</v>
      </c>
    </row>
    <row r="36" spans="1:14" ht="18" customHeight="1" x14ac:dyDescent="0.4">
      <c r="A36" s="2" t="s">
        <v>29</v>
      </c>
      <c r="B36" s="15">
        <v>3233</v>
      </c>
      <c r="C36" s="16">
        <v>95</v>
      </c>
      <c r="D36" s="17">
        <v>46</v>
      </c>
      <c r="E36" s="10">
        <v>3374</v>
      </c>
      <c r="F36" s="8">
        <v>3345</v>
      </c>
      <c r="G36" s="9">
        <v>3606</v>
      </c>
      <c r="H36" s="10">
        <v>6951</v>
      </c>
      <c r="I36" s="8">
        <v>102</v>
      </c>
      <c r="J36" s="9">
        <v>79</v>
      </c>
      <c r="K36" s="10">
        <v>181</v>
      </c>
      <c r="L36" s="8">
        <v>3447</v>
      </c>
      <c r="M36" s="9">
        <v>3685</v>
      </c>
      <c r="N36" s="10">
        <v>7132</v>
      </c>
    </row>
    <row r="37" spans="1:14" ht="18" customHeight="1" x14ac:dyDescent="0.4">
      <c r="A37" s="2" t="s">
        <v>30</v>
      </c>
      <c r="B37" s="15">
        <v>1826</v>
      </c>
      <c r="C37" s="16">
        <v>56</v>
      </c>
      <c r="D37" s="17">
        <v>26</v>
      </c>
      <c r="E37" s="10">
        <v>1908</v>
      </c>
      <c r="F37" s="8">
        <v>1782</v>
      </c>
      <c r="G37" s="9">
        <v>2138</v>
      </c>
      <c r="H37" s="10">
        <v>3920</v>
      </c>
      <c r="I37" s="8">
        <v>69</v>
      </c>
      <c r="J37" s="9">
        <v>44</v>
      </c>
      <c r="K37" s="10">
        <v>113</v>
      </c>
      <c r="L37" s="8">
        <v>1851</v>
      </c>
      <c r="M37" s="9">
        <v>2182</v>
      </c>
      <c r="N37" s="10">
        <v>4033</v>
      </c>
    </row>
    <row r="38" spans="1:14" ht="18" customHeight="1" x14ac:dyDescent="0.4">
      <c r="A38" s="2" t="s">
        <v>31</v>
      </c>
      <c r="B38" s="15">
        <v>4004</v>
      </c>
      <c r="C38" s="16">
        <v>117</v>
      </c>
      <c r="D38" s="17">
        <v>43</v>
      </c>
      <c r="E38" s="10">
        <v>4164</v>
      </c>
      <c r="F38" s="8">
        <v>4276</v>
      </c>
      <c r="G38" s="9">
        <v>4463</v>
      </c>
      <c r="H38" s="10">
        <v>8739</v>
      </c>
      <c r="I38" s="8">
        <v>131</v>
      </c>
      <c r="J38" s="9">
        <v>61</v>
      </c>
      <c r="K38" s="10">
        <v>192</v>
      </c>
      <c r="L38" s="8">
        <v>4407</v>
      </c>
      <c r="M38" s="9">
        <v>4524</v>
      </c>
      <c r="N38" s="10">
        <v>8931</v>
      </c>
    </row>
    <row r="39" spans="1:14" ht="18" customHeight="1" x14ac:dyDescent="0.4">
      <c r="A39" s="2" t="s">
        <v>32</v>
      </c>
      <c r="B39" s="15">
        <v>1551</v>
      </c>
      <c r="C39" s="16">
        <v>29</v>
      </c>
      <c r="D39" s="17">
        <v>16</v>
      </c>
      <c r="E39" s="10">
        <v>1596</v>
      </c>
      <c r="F39" s="8">
        <v>1775</v>
      </c>
      <c r="G39" s="9">
        <v>1968</v>
      </c>
      <c r="H39" s="10">
        <v>3743</v>
      </c>
      <c r="I39" s="8">
        <v>29</v>
      </c>
      <c r="J39" s="9">
        <v>25</v>
      </c>
      <c r="K39" s="10">
        <v>54</v>
      </c>
      <c r="L39" s="8">
        <v>1804</v>
      </c>
      <c r="M39" s="9">
        <v>1993</v>
      </c>
      <c r="N39" s="10">
        <v>3797</v>
      </c>
    </row>
    <row r="40" spans="1:14" ht="18" customHeight="1" x14ac:dyDescent="0.4">
      <c r="A40" s="2" t="s">
        <v>33</v>
      </c>
      <c r="B40" s="15">
        <v>477</v>
      </c>
      <c r="C40" s="16">
        <v>9</v>
      </c>
      <c r="D40" s="17">
        <v>9</v>
      </c>
      <c r="E40" s="10">
        <v>495</v>
      </c>
      <c r="F40" s="8">
        <v>515</v>
      </c>
      <c r="G40" s="9">
        <v>591</v>
      </c>
      <c r="H40" s="10">
        <v>1106</v>
      </c>
      <c r="I40" s="8">
        <v>10</v>
      </c>
      <c r="J40" s="9">
        <v>12</v>
      </c>
      <c r="K40" s="10">
        <v>22</v>
      </c>
      <c r="L40" s="8">
        <v>525</v>
      </c>
      <c r="M40" s="9">
        <v>603</v>
      </c>
      <c r="N40" s="10">
        <v>1128</v>
      </c>
    </row>
    <row r="41" spans="1:14" ht="18" customHeight="1" x14ac:dyDescent="0.4">
      <c r="A41" s="2" t="s">
        <v>34</v>
      </c>
      <c r="B41" s="15">
        <v>1176</v>
      </c>
      <c r="C41" s="16">
        <v>13</v>
      </c>
      <c r="D41" s="17">
        <v>8</v>
      </c>
      <c r="E41" s="10">
        <v>1197</v>
      </c>
      <c r="F41" s="8">
        <v>1183</v>
      </c>
      <c r="G41" s="9">
        <v>1259</v>
      </c>
      <c r="H41" s="10">
        <v>2442</v>
      </c>
      <c r="I41" s="8">
        <v>14</v>
      </c>
      <c r="J41" s="9">
        <v>10</v>
      </c>
      <c r="K41" s="10">
        <v>24</v>
      </c>
      <c r="L41" s="8">
        <v>1197</v>
      </c>
      <c r="M41" s="9">
        <v>1269</v>
      </c>
      <c r="N41" s="10">
        <v>2466</v>
      </c>
    </row>
    <row r="42" spans="1:14" ht="18" customHeight="1" x14ac:dyDescent="0.4">
      <c r="A42" s="2" t="s">
        <v>35</v>
      </c>
      <c r="B42" s="15">
        <v>1065</v>
      </c>
      <c r="C42" s="16">
        <v>20</v>
      </c>
      <c r="D42" s="17">
        <v>5</v>
      </c>
      <c r="E42" s="10">
        <v>1090</v>
      </c>
      <c r="F42" s="8">
        <v>1208</v>
      </c>
      <c r="G42" s="9">
        <v>1276</v>
      </c>
      <c r="H42" s="10">
        <v>2484</v>
      </c>
      <c r="I42" s="8">
        <v>22</v>
      </c>
      <c r="J42" s="9">
        <v>7</v>
      </c>
      <c r="K42" s="10">
        <v>29</v>
      </c>
      <c r="L42" s="8">
        <v>1230</v>
      </c>
      <c r="M42" s="9">
        <v>1283</v>
      </c>
      <c r="N42" s="10">
        <v>2513</v>
      </c>
    </row>
    <row r="43" spans="1:14" ht="18" customHeight="1" x14ac:dyDescent="0.4">
      <c r="A43" s="2" t="s">
        <v>36</v>
      </c>
      <c r="B43" s="15">
        <v>1152</v>
      </c>
      <c r="C43" s="16">
        <v>56</v>
      </c>
      <c r="D43" s="17">
        <v>7</v>
      </c>
      <c r="E43" s="10">
        <v>1215</v>
      </c>
      <c r="F43" s="8">
        <v>1254</v>
      </c>
      <c r="G43" s="9">
        <v>1220</v>
      </c>
      <c r="H43" s="10">
        <v>2474</v>
      </c>
      <c r="I43" s="8">
        <v>29</v>
      </c>
      <c r="J43" s="9">
        <v>43</v>
      </c>
      <c r="K43" s="10">
        <v>72</v>
      </c>
      <c r="L43" s="8">
        <v>1283</v>
      </c>
      <c r="M43" s="9">
        <v>1263</v>
      </c>
      <c r="N43" s="10">
        <v>2546</v>
      </c>
    </row>
    <row r="44" spans="1:14" ht="18" customHeight="1" x14ac:dyDescent="0.4">
      <c r="A44" s="2" t="s">
        <v>37</v>
      </c>
      <c r="B44" s="15">
        <v>164</v>
      </c>
      <c r="C44" s="16">
        <v>3</v>
      </c>
      <c r="D44" s="17">
        <v>0</v>
      </c>
      <c r="E44" s="10">
        <v>167</v>
      </c>
      <c r="F44" s="8">
        <v>109</v>
      </c>
      <c r="G44" s="9">
        <v>182</v>
      </c>
      <c r="H44" s="10">
        <v>291</v>
      </c>
      <c r="I44" s="8">
        <v>2</v>
      </c>
      <c r="J44" s="9">
        <v>5</v>
      </c>
      <c r="K44" s="10">
        <v>7</v>
      </c>
      <c r="L44" s="8">
        <v>111</v>
      </c>
      <c r="M44" s="9">
        <v>187</v>
      </c>
      <c r="N44" s="10">
        <v>298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228</v>
      </c>
      <c r="C52" s="9">
        <v>1359</v>
      </c>
      <c r="D52" s="14">
        <v>606</v>
      </c>
      <c r="E52" s="10">
        <v>68193</v>
      </c>
      <c r="F52" s="8">
        <v>67352</v>
      </c>
      <c r="G52" s="9">
        <v>71945</v>
      </c>
      <c r="H52" s="10">
        <v>139297</v>
      </c>
      <c r="I52" s="8">
        <v>1472</v>
      </c>
      <c r="J52" s="9">
        <v>995</v>
      </c>
      <c r="K52" s="10">
        <v>2467</v>
      </c>
      <c r="L52" s="8">
        <v>68824</v>
      </c>
      <c r="M52" s="9">
        <v>72940</v>
      </c>
      <c r="N52" s="10">
        <v>141764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2-02T04:16:37Z</cp:lastPrinted>
  <dcterms:created xsi:type="dcterms:W3CDTF">2019-11-13T09:53:37Z</dcterms:created>
  <dcterms:modified xsi:type="dcterms:W3CDTF">2025-12-02T04:17:11Z</dcterms:modified>
</cp:coreProperties>
</file>